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5-3-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5-3-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meierijsta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17D80FF1-C2BD-4C0C-F221-4060A4B40E1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84015" y="4644573"/>
            <a:ext cx="2279969" cy="187413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28823" y="454558"/>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Graphics&#10;&#10;Automatisch gegenereerde beschrijving">
            <a:extLst>
              <a:ext uri="{FF2B5EF4-FFF2-40B4-BE49-F238E27FC236}">
                <a16:creationId xmlns:a16="http://schemas.microsoft.com/office/drawing/2014/main" id="{8C206F88-BEDE-0B83-EE15-A9703A5242D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24339" y="3965084"/>
            <a:ext cx="1519232" cy="12488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3-15T15:09:54Z</dcterms:modified>
</cp:coreProperties>
</file>